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J:\s1\10自立支援給付（新）\20自立支援医療\【医療係】更生医療\更生医療\★指定医療機関の指導・監査\R5\"/>
    </mc:Choice>
  </mc:AlternateContent>
  <bookViews>
    <workbookView xWindow="360" yWindow="120" windowWidth="10620" windowHeight="4935"/>
  </bookViews>
  <sheets>
    <sheet name="育成更生（病院・診療所）" sheetId="11" r:id="rId1"/>
  </sheets>
  <definedNames>
    <definedName name="_xlnm.Print_Area" localSheetId="0">'育成更生（病院・診療所）'!$B$1:$G$48</definedName>
    <definedName name="_xlnm.Print_Titles" localSheetId="0">'育成更生（病院・診療所）'!$16:$16</definedName>
  </definedNames>
  <calcPr calcId="125725"/>
</workbook>
</file>

<file path=xl/sharedStrings.xml><?xml version="1.0" encoding="utf-8"?>
<sst xmlns="http://schemas.openxmlformats.org/spreadsheetml/2006/main" count="124" uniqueCount="70">
  <si>
    <t>点検項目</t>
    <rPh sb="0" eb="2">
      <t>テンケン</t>
    </rPh>
    <rPh sb="2" eb="4">
      <t>コウモク</t>
    </rPh>
    <phoneticPr fontId="1"/>
  </si>
  <si>
    <t>(1)</t>
    <phoneticPr fontId="1"/>
  </si>
  <si>
    <t>(2)</t>
  </si>
  <si>
    <t>(3)</t>
  </si>
  <si>
    <t xml:space="preserve">受診者がやむを得ない事情がある場合、便宜な時間を定めて診療しているか。
</t>
    <phoneticPr fontId="1"/>
  </si>
  <si>
    <t xml:space="preserve">診療及び診療報酬の請求に関する帳簿等を完結の日から5年間保存しているか。
</t>
    <phoneticPr fontId="1"/>
  </si>
  <si>
    <t>自立支援医療費の請求は適正に行われているか。</t>
    <phoneticPr fontId="1"/>
  </si>
  <si>
    <t>点検結果
※該当する項目に○</t>
    <rPh sb="0" eb="2">
      <t>テンケン</t>
    </rPh>
    <rPh sb="2" eb="4">
      <t>ケッカ</t>
    </rPh>
    <rPh sb="6" eb="8">
      <t>ガイトウ</t>
    </rPh>
    <rPh sb="10" eb="12">
      <t>コウモク</t>
    </rPh>
    <phoneticPr fontId="1"/>
  </si>
  <si>
    <t>負担上限月額が設定されている受診者等について、適切に自己負担の徴収をしているか、また、自己負担上限額管理票へ適切に記載をしているか。</t>
  </si>
  <si>
    <t>(3)</t>
    <phoneticPr fontId="1"/>
  </si>
  <si>
    <t>はい</t>
    <phoneticPr fontId="1"/>
  </si>
  <si>
    <t>いいえ</t>
    <phoneticPr fontId="1"/>
  </si>
  <si>
    <t>自己点検表</t>
    <rPh sb="0" eb="2">
      <t>ジコ</t>
    </rPh>
    <rPh sb="2" eb="4">
      <t>テンケン</t>
    </rPh>
    <rPh sb="4" eb="5">
      <t>ヒョウ</t>
    </rPh>
    <phoneticPr fontId="1"/>
  </si>
  <si>
    <t>　　医療機関名</t>
    <rPh sb="2" eb="4">
      <t>イリョウ</t>
    </rPh>
    <rPh sb="4" eb="6">
      <t>キカン</t>
    </rPh>
    <rPh sb="6" eb="7">
      <t>メイ</t>
    </rPh>
    <phoneticPr fontId="1"/>
  </si>
  <si>
    <t>　　担当者氏名</t>
    <rPh sb="2" eb="5">
      <t>タントウシャ</t>
    </rPh>
    <rPh sb="5" eb="7">
      <t>シメイ</t>
    </rPh>
    <phoneticPr fontId="1"/>
  </si>
  <si>
    <t>　指定医療機関開設者</t>
    <phoneticPr fontId="1"/>
  </si>
  <si>
    <t>該当なし</t>
    <rPh sb="0" eb="2">
      <t>ガイトウ</t>
    </rPh>
    <phoneticPr fontId="1"/>
  </si>
  <si>
    <t>(6)</t>
    <phoneticPr fontId="1"/>
  </si>
  <si>
    <t>(7)</t>
    <phoneticPr fontId="1"/>
  </si>
  <si>
    <t>　　住所　　</t>
    <rPh sb="2" eb="4">
      <t>ジュウショ</t>
    </rPh>
    <phoneticPr fontId="1"/>
  </si>
  <si>
    <t>(5)</t>
    <phoneticPr fontId="1"/>
  </si>
  <si>
    <t>(電話)　　　　　　　　   　　　　(FAX)</t>
    <rPh sb="1" eb="3">
      <t>デンワ</t>
    </rPh>
    <phoneticPr fontId="1"/>
  </si>
  <si>
    <t xml:space="preserve">医療受給者証が有効であることを確認した上で診療しているか。
</t>
    <rPh sb="15" eb="17">
      <t>カクニン</t>
    </rPh>
    <rPh sb="19" eb="20">
      <t>ウエ</t>
    </rPh>
    <phoneticPr fontId="1"/>
  </si>
  <si>
    <t xml:space="preserve">受診者の診療を正当な事由がなく拒んでいないか。
</t>
    <phoneticPr fontId="1"/>
  </si>
  <si>
    <t>②それぞれの医療の種類の専門科目につき、適切な医療機関における研
　究、診療従事年数が、医籍又は歯科医籍登録後、通算して5年以上ある
　こと。</t>
    <rPh sb="6" eb="8">
      <t>イリョウ</t>
    </rPh>
    <rPh sb="9" eb="11">
      <t>シュルイ</t>
    </rPh>
    <rPh sb="12" eb="14">
      <t>センモン</t>
    </rPh>
    <rPh sb="14" eb="16">
      <t>カモク</t>
    </rPh>
    <rPh sb="20" eb="22">
      <t>テキセツ</t>
    </rPh>
    <rPh sb="23" eb="25">
      <t>イリョウ</t>
    </rPh>
    <rPh sb="25" eb="27">
      <t>キカン</t>
    </rPh>
    <rPh sb="31" eb="32">
      <t>ケン</t>
    </rPh>
    <rPh sb="34" eb="35">
      <t>キワム</t>
    </rPh>
    <rPh sb="36" eb="38">
      <t>シンリョウ</t>
    </rPh>
    <rPh sb="38" eb="40">
      <t>ジュウジ</t>
    </rPh>
    <rPh sb="40" eb="42">
      <t>ネンスウ</t>
    </rPh>
    <rPh sb="44" eb="46">
      <t>イセキ</t>
    </rPh>
    <rPh sb="46" eb="47">
      <t>マタ</t>
    </rPh>
    <rPh sb="48" eb="50">
      <t>シカ</t>
    </rPh>
    <rPh sb="50" eb="52">
      <t>イセキ</t>
    </rPh>
    <rPh sb="52" eb="54">
      <t>トウロク</t>
    </rPh>
    <rPh sb="54" eb="55">
      <t>ゴ</t>
    </rPh>
    <rPh sb="56" eb="58">
      <t>ツウサン</t>
    </rPh>
    <rPh sb="61" eb="62">
      <t>ネン</t>
    </rPh>
    <rPh sb="62" eb="64">
      <t>イジョウ</t>
    </rPh>
    <phoneticPr fontId="1"/>
  </si>
  <si>
    <t>(4)</t>
    <phoneticPr fontId="1"/>
  </si>
  <si>
    <t xml:space="preserve">  　　自立支援医療の実施に係る遵守状況について、以下のとおり確認したので報告します。</t>
    <rPh sb="4" eb="6">
      <t>ジリツ</t>
    </rPh>
    <rPh sb="6" eb="8">
      <t>シエン</t>
    </rPh>
    <rPh sb="8" eb="10">
      <t>イリョウ</t>
    </rPh>
    <rPh sb="11" eb="13">
      <t>ジッシ</t>
    </rPh>
    <rPh sb="14" eb="15">
      <t>カカ</t>
    </rPh>
    <rPh sb="16" eb="18">
      <t>ジュンシュ</t>
    </rPh>
    <rPh sb="18" eb="20">
      <t>ジョウキョウ</t>
    </rPh>
    <rPh sb="31" eb="33">
      <t>カクニン</t>
    </rPh>
    <rPh sb="37" eb="39">
      <t>ホウコク</t>
    </rPh>
    <phoneticPr fontId="1"/>
  </si>
  <si>
    <t>（裏面へ）</t>
    <rPh sb="1" eb="3">
      <t>ウラメン</t>
    </rPh>
    <phoneticPr fontId="1"/>
  </si>
  <si>
    <t>指定自立支援医療機関（育成医療・更生医療）に係る自己点検結果報告（病院・診療所）</t>
    <rPh sb="2" eb="4">
      <t>ジリツ</t>
    </rPh>
    <rPh sb="4" eb="6">
      <t>シエン</t>
    </rPh>
    <rPh sb="11" eb="13">
      <t>イクセイ</t>
    </rPh>
    <rPh sb="13" eb="15">
      <t>イリョウ</t>
    </rPh>
    <rPh sb="16" eb="18">
      <t>コウセイ</t>
    </rPh>
    <rPh sb="18" eb="20">
      <t>イリョウ</t>
    </rPh>
    <rPh sb="22" eb="23">
      <t>カカ</t>
    </rPh>
    <rPh sb="24" eb="26">
      <t>ジコ</t>
    </rPh>
    <rPh sb="26" eb="28">
      <t>テンケン</t>
    </rPh>
    <rPh sb="28" eb="30">
      <t>ケッカ</t>
    </rPh>
    <rPh sb="30" eb="32">
      <t>ホウコク</t>
    </rPh>
    <rPh sb="33" eb="35">
      <t>ビョウイン</t>
    </rPh>
    <rPh sb="36" eb="39">
      <t>シンリョウジョ</t>
    </rPh>
    <phoneticPr fontId="1"/>
  </si>
  <si>
    <t>　　担当者連絡先</t>
    <rPh sb="2" eb="5">
      <t>タントウシャ</t>
    </rPh>
    <rPh sb="5" eb="7">
      <t>レンラク</t>
    </rPh>
    <rPh sb="7" eb="8">
      <t>サキ</t>
    </rPh>
    <phoneticPr fontId="1"/>
  </si>
  <si>
    <t>富山市長 様</t>
    <rPh sb="0" eb="4">
      <t>トヤマシチョウ</t>
    </rPh>
    <rPh sb="5" eb="6">
      <t>サマ</t>
    </rPh>
    <phoneticPr fontId="1"/>
  </si>
  <si>
    <t>第１ 基本方針</t>
    <phoneticPr fontId="2"/>
  </si>
  <si>
    <t>第３ 人員体制、
設備の整備状況</t>
    <phoneticPr fontId="2"/>
  </si>
  <si>
    <t>第４ その他</t>
    <phoneticPr fontId="2"/>
  </si>
  <si>
    <r>
      <t xml:space="preserve">
※</t>
    </r>
    <r>
      <rPr>
        <u/>
        <sz val="11"/>
        <color indexed="8"/>
        <rFont val="ＭＳ 明朝"/>
        <family val="1"/>
        <charset val="128"/>
      </rPr>
      <t>点検結果により、「いいえ」に該当した項目に関しては、今後の改善策等について提出してください。</t>
    </r>
    <r>
      <rPr>
        <u val="double"/>
        <sz val="11"/>
        <color indexed="8"/>
        <rFont val="ＭＳ 明朝"/>
        <family val="1"/>
        <charset val="128"/>
      </rPr>
      <t xml:space="preserve">
</t>
    </r>
    <r>
      <rPr>
        <sz val="11"/>
        <color indexed="8"/>
        <rFont val="ＭＳ 明朝"/>
        <family val="1"/>
        <charset val="128"/>
      </rPr>
      <t>　（提出様式は任意）</t>
    </r>
    <rPh sb="2" eb="4">
      <t>テンケン</t>
    </rPh>
    <rPh sb="4" eb="6">
      <t>ケッカ</t>
    </rPh>
    <rPh sb="16" eb="18">
      <t>ガイトウ</t>
    </rPh>
    <rPh sb="20" eb="22">
      <t>コウモク</t>
    </rPh>
    <rPh sb="23" eb="24">
      <t>カン</t>
    </rPh>
    <rPh sb="28" eb="30">
      <t>コンゴ</t>
    </rPh>
    <rPh sb="31" eb="35">
      <t>カイゼンサクトウ</t>
    </rPh>
    <rPh sb="39" eb="41">
      <t>テイシュツ</t>
    </rPh>
    <rPh sb="51" eb="53">
      <t>テイシュツ</t>
    </rPh>
    <rPh sb="53" eb="55">
      <t>ヨウシキ</t>
    </rPh>
    <rPh sb="56" eb="58">
      <t>ニンイ</t>
    </rPh>
    <phoneticPr fontId="2"/>
  </si>
  <si>
    <t>第２ 療養担当
規程の遵守状況</t>
    <phoneticPr fontId="2"/>
  </si>
  <si>
    <t xml:space="preserve">指定自立支援医療機関は、指定自立支援医療を提供するに当たっては、支給認定に係る障害者等の心身の障害の状態の軽減を図り自立した日常生活又は社会生活を営むために良質かつ適切な自立支援医療を行っているか。
</t>
    <rPh sb="12" eb="14">
      <t>シテイ</t>
    </rPh>
    <rPh sb="14" eb="16">
      <t>ジリツ</t>
    </rPh>
    <rPh sb="16" eb="18">
      <t>シエン</t>
    </rPh>
    <rPh sb="18" eb="20">
      <t>イリョウ</t>
    </rPh>
    <rPh sb="21" eb="23">
      <t>テイキョウ</t>
    </rPh>
    <rPh sb="26" eb="27">
      <t>ア</t>
    </rPh>
    <phoneticPr fontId="1"/>
  </si>
  <si>
    <t>指定自立支援医療を診療中の受診者又は受診者の保護者及び当該者に対し支給認定を行った市町村から、必要な証明書又は意見書等の交付を求められたときは、無償で交付しているか。</t>
    <rPh sb="0" eb="2">
      <t>シテイ</t>
    </rPh>
    <rPh sb="2" eb="4">
      <t>ジリツ</t>
    </rPh>
    <rPh sb="4" eb="6">
      <t>シエン</t>
    </rPh>
    <rPh sb="6" eb="8">
      <t>イリョウ</t>
    </rPh>
    <rPh sb="9" eb="12">
      <t>シンリョウチュウ</t>
    </rPh>
    <rPh sb="13" eb="16">
      <t>ジュシンシャ</t>
    </rPh>
    <rPh sb="16" eb="17">
      <t>マタ</t>
    </rPh>
    <rPh sb="18" eb="21">
      <t>ジュシンシャ</t>
    </rPh>
    <rPh sb="22" eb="25">
      <t>ホゴシャ</t>
    </rPh>
    <rPh sb="25" eb="26">
      <t>オヨ</t>
    </rPh>
    <rPh sb="27" eb="30">
      <t>トウガイシャ</t>
    </rPh>
    <rPh sb="31" eb="32">
      <t>タイ</t>
    </rPh>
    <rPh sb="33" eb="37">
      <t>シキュウニンテイ</t>
    </rPh>
    <rPh sb="38" eb="39">
      <t>オコナ</t>
    </rPh>
    <rPh sb="41" eb="44">
      <t>シチョウソン</t>
    </rPh>
    <rPh sb="47" eb="49">
      <t>ヒツヨウ</t>
    </rPh>
    <rPh sb="50" eb="53">
      <t>ショウメイショ</t>
    </rPh>
    <rPh sb="53" eb="54">
      <t>マタ</t>
    </rPh>
    <rPh sb="55" eb="58">
      <t>イケンショ</t>
    </rPh>
    <rPh sb="58" eb="59">
      <t>トウ</t>
    </rPh>
    <rPh sb="60" eb="62">
      <t>コウフ</t>
    </rPh>
    <rPh sb="63" eb="64">
      <t>モト</t>
    </rPh>
    <rPh sb="72" eb="74">
      <t>ムショウ</t>
    </rPh>
    <rPh sb="75" eb="77">
      <t>コウフ</t>
    </rPh>
    <phoneticPr fontId="1"/>
  </si>
  <si>
    <t xml:space="preserve">受診者に関する診療録に、必要な事項を記載しているか。
</t>
    <rPh sb="0" eb="3">
      <t>ジュシンシャ</t>
    </rPh>
    <rPh sb="4" eb="5">
      <t>カン</t>
    </rPh>
    <rPh sb="12" eb="14">
      <t>ヒツヨウ</t>
    </rPh>
    <phoneticPr fontId="1"/>
  </si>
  <si>
    <t>(8)</t>
    <phoneticPr fontId="1"/>
  </si>
  <si>
    <t>(9)</t>
    <phoneticPr fontId="1"/>
  </si>
  <si>
    <t>受診者について次のいずれかに該当する事実のあることを知った場合には、受給者証を交付した市町村に通知しているか。</t>
    <rPh sb="0" eb="3">
      <t>ジュシンシャ</t>
    </rPh>
    <rPh sb="7" eb="8">
      <t>ツギ</t>
    </rPh>
    <rPh sb="14" eb="16">
      <t>ガイトウ</t>
    </rPh>
    <rPh sb="18" eb="20">
      <t>ジジツ</t>
    </rPh>
    <rPh sb="26" eb="27">
      <t>シ</t>
    </rPh>
    <rPh sb="29" eb="31">
      <t>バアイ</t>
    </rPh>
    <rPh sb="34" eb="38">
      <t>ジュキュウシャショウ</t>
    </rPh>
    <rPh sb="39" eb="41">
      <t>コウフ</t>
    </rPh>
    <rPh sb="43" eb="46">
      <t>シチョウソン</t>
    </rPh>
    <rPh sb="47" eb="49">
      <t>ツウチ</t>
    </rPh>
    <phoneticPr fontId="1"/>
  </si>
  <si>
    <t xml:space="preserve">患者やその家族の要望に応えて、各種医療・福祉制度の紹介や説明、カウンセリングの実施等が行えるスタッフの体制整備がされているか。また、診断及び治療を行うに当たって、十分な医療スタッフ等の体制及び医療機器等の設備を有しており、適切な標榜科が示されているか。
</t>
    <rPh sb="0" eb="2">
      <t>カンジャ</t>
    </rPh>
    <rPh sb="5" eb="7">
      <t>カゾク</t>
    </rPh>
    <rPh sb="8" eb="10">
      <t>ヨウボウ</t>
    </rPh>
    <rPh sb="11" eb="12">
      <t>コタ</t>
    </rPh>
    <rPh sb="15" eb="17">
      <t>カクシュ</t>
    </rPh>
    <rPh sb="17" eb="19">
      <t>イリョウ</t>
    </rPh>
    <rPh sb="20" eb="22">
      <t>フクシ</t>
    </rPh>
    <rPh sb="22" eb="24">
      <t>セイド</t>
    </rPh>
    <rPh sb="25" eb="27">
      <t>ショウカイ</t>
    </rPh>
    <rPh sb="28" eb="30">
      <t>セツメイ</t>
    </rPh>
    <rPh sb="39" eb="41">
      <t>ジッシ</t>
    </rPh>
    <rPh sb="41" eb="42">
      <t>トウ</t>
    </rPh>
    <rPh sb="43" eb="44">
      <t>オコナ</t>
    </rPh>
    <rPh sb="51" eb="53">
      <t>タイセイ</t>
    </rPh>
    <rPh sb="53" eb="55">
      <t>セイビ</t>
    </rPh>
    <rPh sb="66" eb="68">
      <t>シンダン</t>
    </rPh>
    <rPh sb="68" eb="69">
      <t>オヨ</t>
    </rPh>
    <rPh sb="70" eb="72">
      <t>チリョウ</t>
    </rPh>
    <rPh sb="73" eb="74">
      <t>オコナ</t>
    </rPh>
    <rPh sb="76" eb="77">
      <t>ア</t>
    </rPh>
    <rPh sb="81" eb="83">
      <t>ジュウブン</t>
    </rPh>
    <rPh sb="84" eb="86">
      <t>イリョウ</t>
    </rPh>
    <rPh sb="90" eb="91">
      <t>トウ</t>
    </rPh>
    <rPh sb="92" eb="94">
      <t>タイセイ</t>
    </rPh>
    <rPh sb="94" eb="95">
      <t>オヨ</t>
    </rPh>
    <rPh sb="96" eb="98">
      <t>イリョウ</t>
    </rPh>
    <rPh sb="98" eb="100">
      <t>キキ</t>
    </rPh>
    <rPh sb="100" eb="101">
      <t>トウ</t>
    </rPh>
    <rPh sb="102" eb="104">
      <t>セツビ</t>
    </rPh>
    <rPh sb="105" eb="106">
      <t>ユウ</t>
    </rPh>
    <rPh sb="111" eb="113">
      <t>テキセツ</t>
    </rPh>
    <rPh sb="114" eb="116">
      <t>ヒョウボウ</t>
    </rPh>
    <rPh sb="116" eb="117">
      <t>カ</t>
    </rPh>
    <rPh sb="118" eb="119">
      <t>シメ</t>
    </rPh>
    <phoneticPr fontId="1"/>
  </si>
  <si>
    <t>①当該指定自立支援医療機関における常勤の医師又は歯科医師であるこ
　と。</t>
    <rPh sb="1" eb="3">
      <t>トウガイ</t>
    </rPh>
    <rPh sb="3" eb="5">
      <t>シテイ</t>
    </rPh>
    <rPh sb="5" eb="7">
      <t>ジリツ</t>
    </rPh>
    <rPh sb="7" eb="9">
      <t>シエン</t>
    </rPh>
    <rPh sb="9" eb="11">
      <t>イリョウ</t>
    </rPh>
    <rPh sb="11" eb="13">
      <t>キカン</t>
    </rPh>
    <rPh sb="17" eb="19">
      <t>ジョウキン</t>
    </rPh>
    <rPh sb="20" eb="22">
      <t>イシ</t>
    </rPh>
    <rPh sb="22" eb="23">
      <t>マタ</t>
    </rPh>
    <rPh sb="24" eb="26">
      <t>シカ</t>
    </rPh>
    <rPh sb="26" eb="28">
      <t>イシ</t>
    </rPh>
    <phoneticPr fontId="2"/>
  </si>
  <si>
    <t>担当する医療の種類</t>
    <rPh sb="0" eb="2">
      <t>タントウ</t>
    </rPh>
    <rPh sb="4" eb="6">
      <t>イリョウ</t>
    </rPh>
    <rPh sb="7" eb="9">
      <t>シュルイ</t>
    </rPh>
    <phoneticPr fontId="1"/>
  </si>
  <si>
    <t>満たすべき要件</t>
    <rPh sb="0" eb="1">
      <t>ミ</t>
    </rPh>
    <rPh sb="5" eb="7">
      <t>ヨウケン</t>
    </rPh>
    <phoneticPr fontId="1"/>
  </si>
  <si>
    <t>心臓脈管外科</t>
    <rPh sb="0" eb="2">
      <t>シンゾウ</t>
    </rPh>
    <rPh sb="2" eb="4">
      <t>ミャッカン</t>
    </rPh>
    <rPh sb="4" eb="6">
      <t>ゲカ</t>
    </rPh>
    <phoneticPr fontId="1"/>
  </si>
  <si>
    <t>心臓移植</t>
    <rPh sb="0" eb="2">
      <t>シンゾウ</t>
    </rPh>
    <rPh sb="2" eb="4">
      <t>イショク</t>
    </rPh>
    <phoneticPr fontId="1"/>
  </si>
  <si>
    <t>腎臓</t>
    <rPh sb="0" eb="2">
      <t>ジンゾウ</t>
    </rPh>
    <phoneticPr fontId="1"/>
  </si>
  <si>
    <t>腎移植</t>
    <rPh sb="0" eb="3">
      <t>ジンイショク</t>
    </rPh>
    <phoneticPr fontId="1"/>
  </si>
  <si>
    <t>肝臓移植</t>
    <rPh sb="0" eb="2">
      <t>カンゾウ</t>
    </rPh>
    <rPh sb="2" eb="4">
      <t>イショク</t>
    </rPh>
    <phoneticPr fontId="1"/>
  </si>
  <si>
    <t>免疫</t>
    <rPh sb="0" eb="2">
      <t>メンエキ</t>
    </rPh>
    <phoneticPr fontId="1"/>
  </si>
  <si>
    <t>【別表】担当する医療機関の種類により満たすべき要件について</t>
    <rPh sb="1" eb="3">
      <t>ベッピョウ</t>
    </rPh>
    <rPh sb="4" eb="6">
      <t>タントウ</t>
    </rPh>
    <rPh sb="8" eb="10">
      <t>イリョウ</t>
    </rPh>
    <rPh sb="10" eb="12">
      <t>キカン</t>
    </rPh>
    <rPh sb="13" eb="15">
      <t>シュルイ</t>
    </rPh>
    <rPh sb="18" eb="19">
      <t>ミ</t>
    </rPh>
    <rPh sb="23" eb="25">
      <t>ヨウケン</t>
    </rPh>
    <phoneticPr fontId="1"/>
  </si>
  <si>
    <t>心血管連続撮影装置及び心臓カテーテルの設備を有していること</t>
    <phoneticPr fontId="1"/>
  </si>
  <si>
    <t>移植関係学会合同委員会において、心臓移植実施施設として選定された施設であること
（なお、心臓移植術後の抗免疫療法を担当する医療機関にあっては、心臓移植術実施施設又は心臓移植後の抗免疫療法の実績を有する施設との連携により心臓移植術後の抗免疫療法を実施できる体制及び設備を有している施設であること）</t>
    <phoneticPr fontId="1"/>
  </si>
  <si>
    <t>血液浄化療法に関する機器及び専用のスペースを有していること</t>
    <phoneticPr fontId="1"/>
  </si>
  <si>
    <t>腎移植に必要な関連機器と血液浄化装置（機器）を備えていること</t>
    <phoneticPr fontId="1"/>
  </si>
  <si>
    <t>移植関係学会合同委員会において、肝臓移植実施施設として選定された施設であること又は「特掲診療料の施設基準等」（平成20年厚生労働省告示第63号）で定める生体部分肝移植術に関する施設基準を満たしている施設であること。</t>
    <phoneticPr fontId="1"/>
  </si>
  <si>
    <t>各診療科医師の連携により総合的なＨＩＶ感染に関する診療の実施ができる体制及び設備であること</t>
    <phoneticPr fontId="1"/>
  </si>
  <si>
    <t>－</t>
    <phoneticPr fontId="1"/>
  </si>
  <si>
    <t>－</t>
    <phoneticPr fontId="1"/>
  </si>
  <si>
    <t>支給認定の有効期間の延長が必要と認めたとき、又は受診者に対し移送することが必要であり、かつ、自ら行うことができないと認めたときは、速やかに、そのものに対し必要な援助を与えているか。</t>
    <rPh sb="0" eb="2">
      <t>シキュウ</t>
    </rPh>
    <rPh sb="2" eb="4">
      <t>ニンテイ</t>
    </rPh>
    <rPh sb="5" eb="7">
      <t>ユウコウ</t>
    </rPh>
    <rPh sb="7" eb="9">
      <t>キカン</t>
    </rPh>
    <rPh sb="10" eb="12">
      <t>エンチョウ</t>
    </rPh>
    <rPh sb="13" eb="15">
      <t>ヒツヨウ</t>
    </rPh>
    <rPh sb="16" eb="17">
      <t>ミト</t>
    </rPh>
    <rPh sb="22" eb="23">
      <t>マタ</t>
    </rPh>
    <rPh sb="24" eb="27">
      <t>ジュシンシャ</t>
    </rPh>
    <rPh sb="28" eb="29">
      <t>タイ</t>
    </rPh>
    <rPh sb="30" eb="32">
      <t>イソウ</t>
    </rPh>
    <rPh sb="37" eb="39">
      <t>ヒツヨウ</t>
    </rPh>
    <rPh sb="46" eb="47">
      <t>ジ</t>
    </rPh>
    <rPh sb="48" eb="49">
      <t>オコナ</t>
    </rPh>
    <rPh sb="58" eb="59">
      <t>ミト</t>
    </rPh>
    <rPh sb="65" eb="66">
      <t>スミ</t>
    </rPh>
    <rPh sb="75" eb="76">
      <t>タイ</t>
    </rPh>
    <rPh sb="77" eb="79">
      <t>ヒツヨウ</t>
    </rPh>
    <rPh sb="80" eb="82">
      <t>エンジョ</t>
    </rPh>
    <rPh sb="83" eb="84">
      <t>アタ</t>
    </rPh>
    <phoneticPr fontId="1"/>
  </si>
  <si>
    <t xml:space="preserve">指定自立支援医療を主として担当する医師又は歯科医師が、次の要件を満たしているか。
</t>
    <rPh sb="19" eb="20">
      <t>マタ</t>
    </rPh>
    <rPh sb="21" eb="23">
      <t>シカ</t>
    </rPh>
    <rPh sb="23" eb="25">
      <t>イシ</t>
    </rPh>
    <phoneticPr fontId="1"/>
  </si>
  <si>
    <t>〒       －</t>
    <phoneticPr fontId="1"/>
  </si>
  <si>
    <t>医療受給者証に記載された医療の具体的方針により診療を行っているか。また、具体的方針を変更しようとするときは、あらかじめ当該受給者証を交付した市町村と協議（受給者が、具体的方針の変更が必要な医師の意見書を添付の上、市町村長へ申請）し、市町村長の変更の承認を受けた具体的方針により診療しているか。</t>
    <rPh sb="0" eb="2">
      <t>イリョウ</t>
    </rPh>
    <rPh sb="2" eb="5">
      <t>ジュキュウシャ</t>
    </rPh>
    <rPh sb="5" eb="6">
      <t>ショウ</t>
    </rPh>
    <rPh sb="7" eb="9">
      <t>キサイ</t>
    </rPh>
    <rPh sb="12" eb="14">
      <t>イリョウ</t>
    </rPh>
    <rPh sb="15" eb="18">
      <t>グタイテキ</t>
    </rPh>
    <rPh sb="18" eb="20">
      <t>ホウシン</t>
    </rPh>
    <rPh sb="23" eb="25">
      <t>シンリョウ</t>
    </rPh>
    <rPh sb="26" eb="27">
      <t>オコナ</t>
    </rPh>
    <rPh sb="36" eb="39">
      <t>グタイテキ</t>
    </rPh>
    <rPh sb="39" eb="41">
      <t>ホウシン</t>
    </rPh>
    <rPh sb="42" eb="44">
      <t>ヘンコウ</t>
    </rPh>
    <rPh sb="59" eb="61">
      <t>トウガイ</t>
    </rPh>
    <rPh sb="61" eb="65">
      <t>ジュキュウシャショウ</t>
    </rPh>
    <rPh sb="66" eb="68">
      <t>コウフ</t>
    </rPh>
    <rPh sb="70" eb="73">
      <t>シチョウソン</t>
    </rPh>
    <rPh sb="74" eb="76">
      <t>キョウギ</t>
    </rPh>
    <rPh sb="77" eb="80">
      <t>ジュキュウシャ</t>
    </rPh>
    <rPh sb="82" eb="85">
      <t>グタイテキ</t>
    </rPh>
    <rPh sb="85" eb="87">
      <t>ホウシン</t>
    </rPh>
    <rPh sb="88" eb="90">
      <t>ヘンコウ</t>
    </rPh>
    <rPh sb="91" eb="93">
      <t>ヒツヨウ</t>
    </rPh>
    <rPh sb="94" eb="96">
      <t>イシ</t>
    </rPh>
    <rPh sb="97" eb="100">
      <t>イケンショ</t>
    </rPh>
    <rPh sb="101" eb="103">
      <t>テンプ</t>
    </rPh>
    <rPh sb="104" eb="105">
      <t>ウエ</t>
    </rPh>
    <rPh sb="106" eb="110">
      <t>シチョウソンチョウ</t>
    </rPh>
    <rPh sb="111" eb="113">
      <t>シンセイ</t>
    </rPh>
    <rPh sb="116" eb="120">
      <t>シチョウソンチョウ</t>
    </rPh>
    <rPh sb="121" eb="123">
      <t>ヘンコウ</t>
    </rPh>
    <rPh sb="124" eb="126">
      <t>ショウニン</t>
    </rPh>
    <rPh sb="127" eb="128">
      <t>ウ</t>
    </rPh>
    <rPh sb="130" eb="133">
      <t>グタイテキ</t>
    </rPh>
    <rPh sb="133" eb="135">
      <t>ホウシン</t>
    </rPh>
    <rPh sb="138" eb="140">
      <t>シンリョウ</t>
    </rPh>
    <phoneticPr fontId="1"/>
  </si>
  <si>
    <t>①受診者が正当な理由なく、診療に関する指示に従わないとき。</t>
    <rPh sb="1" eb="4">
      <t>ジュシンシャ</t>
    </rPh>
    <rPh sb="5" eb="7">
      <t>セイトウ</t>
    </rPh>
    <rPh sb="8" eb="10">
      <t>リユウ</t>
    </rPh>
    <rPh sb="13" eb="15">
      <t>シンリョウ</t>
    </rPh>
    <rPh sb="16" eb="17">
      <t>カン</t>
    </rPh>
    <rPh sb="19" eb="21">
      <t>シジ</t>
    </rPh>
    <rPh sb="22" eb="23">
      <t>シタガ</t>
    </rPh>
    <phoneticPr fontId="1"/>
  </si>
  <si>
    <t>②受診者が詐欺その他不正な手段による診療を受け、又は受けようとしたとき。</t>
    <rPh sb="1" eb="4">
      <t>ジュシンシャ</t>
    </rPh>
    <rPh sb="5" eb="7">
      <t>サギ</t>
    </rPh>
    <rPh sb="9" eb="10">
      <t>タ</t>
    </rPh>
    <rPh sb="10" eb="12">
      <t>フセイ</t>
    </rPh>
    <rPh sb="13" eb="15">
      <t>シュダン</t>
    </rPh>
    <rPh sb="18" eb="20">
      <t>シンリョウ</t>
    </rPh>
    <rPh sb="21" eb="22">
      <t>ウ</t>
    </rPh>
    <rPh sb="24" eb="25">
      <t>マタ</t>
    </rPh>
    <rPh sb="26" eb="27">
      <t>ウ</t>
    </rPh>
    <phoneticPr fontId="1"/>
  </si>
  <si>
    <t>③その他、担当する医療の種類により別に定める要件を満たしている
　か。※別表参照</t>
    <rPh sb="3" eb="4">
      <t>タ</t>
    </rPh>
    <rPh sb="5" eb="7">
      <t>タントウ</t>
    </rPh>
    <rPh sb="9" eb="11">
      <t>イリョウ</t>
    </rPh>
    <rPh sb="12" eb="14">
      <t>シュルイ</t>
    </rPh>
    <rPh sb="17" eb="18">
      <t>ベツ</t>
    </rPh>
    <rPh sb="19" eb="20">
      <t>サダ</t>
    </rPh>
    <rPh sb="22" eb="24">
      <t>ヨウケン</t>
    </rPh>
    <rPh sb="25" eb="26">
      <t>ミ</t>
    </rPh>
    <rPh sb="36" eb="38">
      <t>ベッピョウ</t>
    </rPh>
    <rPh sb="38" eb="40">
      <t>サンショウ</t>
    </rPh>
    <phoneticPr fontId="1"/>
  </si>
  <si>
    <t>医療機関の名称及び所在地その他障害者総合支援法施行規則第61条で定める事項に変更があったときの変更の届出は適正に行われているか。</t>
    <rPh sb="14" eb="15">
      <t>タ</t>
    </rPh>
    <rPh sb="18" eb="20">
      <t>ソウゴウ</t>
    </rPh>
    <rPh sb="20" eb="23">
      <t>シエンホウ</t>
    </rPh>
    <rPh sb="23" eb="25">
      <t>セコウ</t>
    </rPh>
    <rPh sb="25" eb="27">
      <t>キソク</t>
    </rPh>
    <rPh sb="27" eb="28">
      <t>ダイ</t>
    </rPh>
    <rPh sb="30" eb="31">
      <t>ジョウ</t>
    </rPh>
    <rPh sb="32" eb="33">
      <t>サダ</t>
    </rPh>
    <rPh sb="35" eb="37">
      <t>ジコウ</t>
    </rPh>
    <rPh sb="38" eb="40">
      <t>ヘンコウ</t>
    </rPh>
    <rPh sb="47" eb="49">
      <t>ヘンコウ</t>
    </rPh>
    <rPh sb="50" eb="51">
      <t>トド</t>
    </rPh>
    <rPh sb="51" eb="52">
      <t>デ</t>
    </rPh>
    <rPh sb="53" eb="55">
      <t>テキセイ</t>
    </rPh>
    <rPh sb="56" eb="57">
      <t>オコナ</t>
    </rPh>
    <phoneticPr fontId="1"/>
  </si>
  <si>
    <t>　　氏名又は名称</t>
    <rPh sb="2" eb="4">
      <t>シメイ</t>
    </rPh>
    <rPh sb="4" eb="5">
      <t>マタ</t>
    </rPh>
    <rPh sb="6" eb="8">
      <t>メイシ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1"/>
      <color theme="1"/>
      <name val="ＭＳ Ｐゴシック"/>
      <family val="3"/>
      <charset val="128"/>
      <scheme val="minor"/>
    </font>
    <font>
      <sz val="6"/>
      <name val="ＭＳ Ｐゴシック"/>
      <family val="3"/>
      <charset val="128"/>
    </font>
    <font>
      <sz val="6"/>
      <name val="ＭＳ Ｐゴシック"/>
      <family val="3"/>
      <charset val="128"/>
    </font>
    <font>
      <sz val="11"/>
      <color indexed="8"/>
      <name val="ＭＳ 明朝"/>
      <family val="1"/>
      <charset val="128"/>
    </font>
    <font>
      <u/>
      <sz val="11"/>
      <color indexed="8"/>
      <name val="ＭＳ 明朝"/>
      <family val="1"/>
      <charset val="128"/>
    </font>
    <font>
      <u val="double"/>
      <sz val="11"/>
      <color indexed="8"/>
      <name val="ＭＳ 明朝"/>
      <family val="1"/>
      <charset val="128"/>
    </font>
    <font>
      <sz val="10"/>
      <color theme="1"/>
      <name val="ＭＳ 明朝"/>
      <family val="1"/>
      <charset val="128"/>
    </font>
    <font>
      <sz val="12"/>
      <color theme="1"/>
      <name val="ＭＳ 明朝"/>
      <family val="1"/>
      <charset val="128"/>
    </font>
    <font>
      <sz val="11"/>
      <color theme="1"/>
      <name val="ＭＳ 明朝"/>
      <family val="1"/>
      <charset val="128"/>
    </font>
  </fonts>
  <fills count="2">
    <fill>
      <patternFill patternType="none"/>
    </fill>
    <fill>
      <patternFill patternType="gray125"/>
    </fill>
  </fills>
  <borders count="29">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thin">
        <color indexed="64"/>
      </top>
      <bottom/>
      <diagonal/>
    </border>
    <border>
      <left style="thin">
        <color indexed="64"/>
      </left>
      <right/>
      <top style="hair">
        <color indexed="64"/>
      </top>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right/>
      <top style="thin">
        <color indexed="64"/>
      </top>
      <bottom style="thin">
        <color indexed="64"/>
      </bottom>
      <diagonal/>
    </border>
    <border>
      <left/>
      <right/>
      <top/>
      <bottom style="thin">
        <color auto="1"/>
      </bottom>
      <diagonal/>
    </border>
    <border>
      <left style="thin">
        <color indexed="64"/>
      </left>
      <right/>
      <top style="hair">
        <color indexed="64"/>
      </top>
      <bottom style="hair">
        <color indexed="64"/>
      </bottom>
      <diagonal/>
    </border>
    <border>
      <left/>
      <right style="thin">
        <color indexed="64"/>
      </right>
      <top/>
      <bottom style="thin">
        <color indexed="64"/>
      </bottom>
      <diagonal/>
    </border>
    <border>
      <left style="thin">
        <color indexed="64"/>
      </left>
      <right/>
      <top/>
      <bottom style="hair">
        <color indexed="64"/>
      </bottom>
      <diagonal/>
    </border>
  </borders>
  <cellStyleXfs count="1">
    <xf numFmtId="0" fontId="0" fillId="0" borderId="0">
      <alignment vertical="center"/>
    </xf>
  </cellStyleXfs>
  <cellXfs count="67">
    <xf numFmtId="0" fontId="0" fillId="0" borderId="0" xfId="0">
      <alignment vertical="center"/>
    </xf>
    <xf numFmtId="0" fontId="6" fillId="0" borderId="0" xfId="0" applyFont="1" applyAlignment="1">
      <alignment vertical="top"/>
    </xf>
    <xf numFmtId="0" fontId="8" fillId="0" borderId="0" xfId="0" applyFont="1" applyAlignment="1">
      <alignment vertical="center"/>
    </xf>
    <xf numFmtId="0" fontId="8" fillId="0" borderId="0" xfId="0" applyFont="1" applyBorder="1" applyAlignment="1">
      <alignment horizontal="center" vertical="center"/>
    </xf>
    <xf numFmtId="0" fontId="6" fillId="0" borderId="1" xfId="0" applyFont="1" applyBorder="1" applyAlignment="1">
      <alignment vertical="top" wrapText="1"/>
    </xf>
    <xf numFmtId="0" fontId="6" fillId="0" borderId="2" xfId="0" quotePrefix="1" applyFont="1" applyBorder="1" applyAlignment="1">
      <alignment horizontal="left" vertical="top" wrapText="1"/>
    </xf>
    <xf numFmtId="0" fontId="6" fillId="0" borderId="3" xfId="0" applyFont="1" applyBorder="1" applyAlignment="1">
      <alignment vertical="top" wrapText="1"/>
    </xf>
    <xf numFmtId="0" fontId="6" fillId="0" borderId="1" xfId="0" applyFont="1" applyBorder="1" applyAlignment="1">
      <alignment horizontal="center" vertical="center" shrinkToFit="1"/>
    </xf>
    <xf numFmtId="0" fontId="6" fillId="0" borderId="4" xfId="0" quotePrefix="1" applyFont="1" applyBorder="1" applyAlignment="1">
      <alignment horizontal="left" vertical="top" wrapText="1"/>
    </xf>
    <xf numFmtId="0" fontId="6" fillId="0" borderId="5" xfId="0" applyFont="1" applyBorder="1" applyAlignment="1">
      <alignment vertical="top" wrapText="1"/>
    </xf>
    <xf numFmtId="0" fontId="6" fillId="0" borderId="6" xfId="0" applyFont="1" applyBorder="1" applyAlignment="1">
      <alignment horizontal="center" vertical="center" shrinkToFit="1"/>
    </xf>
    <xf numFmtId="0" fontId="6" fillId="0" borderId="7" xfId="0" applyFont="1" applyBorder="1" applyAlignment="1">
      <alignment horizontal="center" vertical="center" shrinkToFit="1"/>
    </xf>
    <xf numFmtId="0" fontId="6" fillId="0" borderId="8" xfId="0" quotePrefix="1" applyFont="1" applyBorder="1" applyAlignment="1">
      <alignment horizontal="left" vertical="top" wrapText="1"/>
    </xf>
    <xf numFmtId="0" fontId="6" fillId="0" borderId="9" xfId="0" applyFont="1" applyBorder="1" applyAlignment="1">
      <alignment vertical="top" wrapText="1"/>
    </xf>
    <xf numFmtId="0" fontId="6" fillId="0" borderId="10" xfId="0" applyFont="1" applyBorder="1" applyAlignment="1">
      <alignment horizontal="center" vertical="center" shrinkToFit="1"/>
    </xf>
    <xf numFmtId="0" fontId="6" fillId="0" borderId="11" xfId="0" quotePrefix="1" applyFont="1" applyBorder="1" applyAlignment="1">
      <alignment horizontal="left" vertical="top" wrapText="1"/>
    </xf>
    <xf numFmtId="0" fontId="6" fillId="0" borderId="12" xfId="0" applyFont="1" applyBorder="1" applyAlignment="1">
      <alignment vertical="top" wrapText="1"/>
    </xf>
    <xf numFmtId="0" fontId="6" fillId="0" borderId="13" xfId="0" applyFont="1" applyBorder="1" applyAlignment="1">
      <alignment horizontal="center" vertical="center" shrinkToFit="1"/>
    </xf>
    <xf numFmtId="0" fontId="6" fillId="0" borderId="14" xfId="0" applyFont="1" applyBorder="1" applyAlignment="1">
      <alignment horizontal="center" vertical="center" shrinkToFit="1"/>
    </xf>
    <xf numFmtId="0" fontId="6" fillId="0" borderId="15" xfId="0" applyFont="1" applyBorder="1" applyAlignment="1">
      <alignment vertical="top" wrapText="1"/>
    </xf>
    <xf numFmtId="0" fontId="6" fillId="0" borderId="16" xfId="0" quotePrefix="1" applyFont="1" applyBorder="1" applyAlignment="1">
      <alignment horizontal="left" vertical="top" wrapText="1"/>
    </xf>
    <xf numFmtId="0" fontId="6" fillId="0" borderId="17" xfId="0" applyFont="1" applyBorder="1" applyAlignment="1">
      <alignment vertical="top" wrapText="1"/>
    </xf>
    <xf numFmtId="0" fontId="6" fillId="0" borderId="18" xfId="0" applyFont="1" applyBorder="1" applyAlignment="1">
      <alignment horizontal="center" vertical="center" shrinkToFit="1"/>
    </xf>
    <xf numFmtId="0" fontId="6" fillId="0" borderId="19" xfId="0" applyFont="1" applyBorder="1" applyAlignment="1">
      <alignment vertical="top" wrapText="1"/>
    </xf>
    <xf numFmtId="0" fontId="6" fillId="0" borderId="20" xfId="0" applyFont="1" applyBorder="1" applyAlignment="1">
      <alignment horizontal="center" vertical="center" shrinkToFit="1"/>
    </xf>
    <xf numFmtId="0" fontId="6" fillId="0" borderId="15" xfId="0" applyFont="1" applyBorder="1" applyAlignment="1">
      <alignment vertical="top"/>
    </xf>
    <xf numFmtId="0" fontId="6" fillId="0" borderId="14" xfId="0" applyFont="1" applyBorder="1" applyAlignment="1">
      <alignment vertical="top"/>
    </xf>
    <xf numFmtId="0" fontId="6" fillId="0" borderId="21" xfId="0" applyFont="1" applyBorder="1" applyAlignment="1">
      <alignment vertical="top"/>
    </xf>
    <xf numFmtId="0" fontId="6" fillId="0" borderId="0" xfId="0" applyFont="1" applyAlignment="1">
      <alignment vertical="top" wrapText="1"/>
    </xf>
    <xf numFmtId="0" fontId="6" fillId="0" borderId="7" xfId="0" applyFont="1" applyBorder="1" applyAlignment="1">
      <alignment vertical="top" wrapText="1"/>
    </xf>
    <xf numFmtId="0" fontId="8" fillId="0" borderId="0" xfId="0" applyFont="1" applyAlignment="1">
      <alignment horizontal="center" vertical="center"/>
    </xf>
    <xf numFmtId="0" fontId="8" fillId="0" borderId="0" xfId="0" applyFont="1" applyAlignment="1">
      <alignment vertical="top"/>
    </xf>
    <xf numFmtId="0" fontId="8" fillId="0" borderId="0" xfId="0" applyFont="1" applyBorder="1" applyAlignment="1">
      <alignment vertical="center"/>
    </xf>
    <xf numFmtId="0" fontId="6" fillId="0" borderId="0" xfId="0" applyFont="1" applyAlignment="1">
      <alignment vertical="center"/>
    </xf>
    <xf numFmtId="0" fontId="8" fillId="0" borderId="22" xfId="0" applyFont="1" applyBorder="1" applyAlignment="1">
      <alignment vertical="top"/>
    </xf>
    <xf numFmtId="0" fontId="8" fillId="0" borderId="22" xfId="0" applyFont="1" applyBorder="1" applyAlignment="1">
      <alignment vertical="top" wrapText="1"/>
    </xf>
    <xf numFmtId="0" fontId="8" fillId="0" borderId="22" xfId="0" applyFont="1" applyBorder="1" applyAlignment="1">
      <alignment horizontal="center" vertical="center" shrinkToFit="1"/>
    </xf>
    <xf numFmtId="0" fontId="8" fillId="0" borderId="22" xfId="0" applyFont="1" applyBorder="1" applyAlignment="1">
      <alignment horizontal="right"/>
    </xf>
    <xf numFmtId="0" fontId="6" fillId="0" borderId="15" xfId="0" applyFont="1" applyBorder="1" applyAlignment="1">
      <alignment horizontal="center" vertical="center" shrinkToFit="1"/>
    </xf>
    <xf numFmtId="0" fontId="6" fillId="0" borderId="0" xfId="0" applyFont="1" applyAlignment="1">
      <alignment vertical="center" wrapText="1"/>
    </xf>
    <xf numFmtId="0" fontId="6" fillId="0" borderId="1" xfId="0" applyFont="1" applyBorder="1" applyAlignment="1">
      <alignment horizontal="center" vertical="center" wrapText="1"/>
    </xf>
    <xf numFmtId="0" fontId="6" fillId="0" borderId="1" xfId="0" applyFont="1" applyBorder="1" applyAlignment="1">
      <alignment vertical="center" wrapText="1"/>
    </xf>
    <xf numFmtId="0" fontId="6" fillId="0" borderId="1" xfId="0" applyFont="1" applyBorder="1" applyAlignment="1">
      <alignment horizontal="left" vertical="center" wrapText="1"/>
    </xf>
    <xf numFmtId="0" fontId="6" fillId="0" borderId="27" xfId="0" applyFont="1" applyBorder="1" applyAlignment="1">
      <alignment vertical="top" wrapText="1"/>
    </xf>
    <xf numFmtId="0" fontId="6" fillId="0" borderId="26" xfId="0" applyFont="1" applyBorder="1" applyAlignment="1">
      <alignment vertical="top"/>
    </xf>
    <xf numFmtId="0" fontId="6" fillId="0" borderId="28" xfId="0" quotePrefix="1" applyFont="1" applyBorder="1" applyAlignment="1">
      <alignment horizontal="left" vertical="top" wrapText="1"/>
    </xf>
    <xf numFmtId="0" fontId="6" fillId="0" borderId="28" xfId="0" applyFont="1" applyBorder="1" applyAlignment="1">
      <alignment vertical="top" wrapText="1"/>
    </xf>
    <xf numFmtId="0" fontId="6" fillId="0" borderId="20" xfId="0" applyFont="1" applyBorder="1" applyAlignment="1">
      <alignment vertical="top" shrinkToFit="1"/>
    </xf>
    <xf numFmtId="0" fontId="6" fillId="0" borderId="1" xfId="0" applyFont="1" applyBorder="1" applyAlignment="1">
      <alignment horizontal="left" vertical="center" indent="1"/>
    </xf>
    <xf numFmtId="0" fontId="6" fillId="0" borderId="7" xfId="0" applyFont="1" applyBorder="1" applyAlignment="1">
      <alignment horizontal="left" vertical="top" wrapText="1"/>
    </xf>
    <xf numFmtId="0" fontId="6" fillId="0" borderId="15" xfId="0" applyFont="1" applyBorder="1" applyAlignment="1">
      <alignment horizontal="left" vertical="top" wrapText="1"/>
    </xf>
    <xf numFmtId="0" fontId="6" fillId="0" borderId="14" xfId="0" applyFont="1" applyBorder="1" applyAlignment="1">
      <alignment horizontal="left" vertical="top" wrapText="1"/>
    </xf>
    <xf numFmtId="0" fontId="6" fillId="0" borderId="1" xfId="0" applyFont="1" applyBorder="1" applyAlignment="1">
      <alignment horizontal="center" vertical="center"/>
    </xf>
    <xf numFmtId="0" fontId="8" fillId="0" borderId="24" xfId="0" applyFont="1" applyBorder="1" applyAlignment="1">
      <alignment horizontal="left" vertical="center"/>
    </xf>
    <xf numFmtId="0" fontId="0" fillId="0" borderId="24" xfId="0" applyBorder="1" applyAlignment="1">
      <alignment horizontal="left" vertical="center"/>
    </xf>
    <xf numFmtId="0" fontId="8" fillId="0" borderId="22" xfId="0" applyFont="1" applyBorder="1" applyAlignment="1">
      <alignment vertical="top" wrapText="1"/>
    </xf>
    <xf numFmtId="0" fontId="7" fillId="0" borderId="0" xfId="0" applyFont="1" applyAlignment="1">
      <alignment horizontal="center" vertical="center"/>
    </xf>
    <xf numFmtId="0" fontId="6" fillId="0" borderId="0" xfId="0" applyFont="1" applyAlignment="1">
      <alignment horizontal="left" vertical="center" wrapText="1"/>
    </xf>
    <xf numFmtId="0" fontId="6" fillId="0" borderId="4" xfId="0" applyFont="1" applyBorder="1" applyAlignment="1">
      <alignment horizontal="center" vertical="center"/>
    </xf>
    <xf numFmtId="0" fontId="6" fillId="0" borderId="22" xfId="0" applyFont="1" applyBorder="1" applyAlignment="1">
      <alignment horizontal="center" vertical="center"/>
    </xf>
    <xf numFmtId="0" fontId="6" fillId="0" borderId="23" xfId="0" applyFont="1" applyBorder="1" applyAlignment="1">
      <alignment horizontal="center" vertical="center"/>
    </xf>
    <xf numFmtId="0" fontId="6" fillId="0" borderId="2" xfId="0" applyFont="1" applyBorder="1" applyAlignment="1">
      <alignment horizontal="center" vertical="center" wrapText="1"/>
    </xf>
    <xf numFmtId="0" fontId="6" fillId="0" borderId="24" xfId="0" applyFont="1" applyBorder="1" applyAlignment="1">
      <alignment horizontal="center" vertical="center" wrapText="1"/>
    </xf>
    <xf numFmtId="0" fontId="6" fillId="0" borderId="3" xfId="0" applyFont="1" applyBorder="1" applyAlignment="1">
      <alignment horizontal="center" vertical="center" wrapText="1"/>
    </xf>
    <xf numFmtId="0" fontId="8" fillId="0" borderId="0" xfId="0" applyFont="1" applyBorder="1" applyAlignment="1">
      <alignment horizontal="left" vertical="center"/>
    </xf>
    <xf numFmtId="0" fontId="0" fillId="0" borderId="0" xfId="0" applyAlignment="1">
      <alignment horizontal="left" vertical="center"/>
    </xf>
    <xf numFmtId="0" fontId="8" fillId="0" borderId="25" xfId="0" applyFont="1" applyBorder="1" applyAlignment="1">
      <alignment horizontal="lef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B1:G58"/>
  <sheetViews>
    <sheetView tabSelected="1" view="pageBreakPreview" zoomScaleNormal="100" zoomScaleSheetLayoutView="100" workbookViewId="0">
      <selection activeCell="J7" sqref="J7"/>
    </sheetView>
  </sheetViews>
  <sheetFormatPr defaultColWidth="9" defaultRowHeight="12" x14ac:dyDescent="0.15"/>
  <cols>
    <col min="1" max="1" width="9" style="1"/>
    <col min="2" max="2" width="15" style="1" customWidth="1"/>
    <col min="3" max="3" width="3.625" style="1" customWidth="1"/>
    <col min="4" max="4" width="62.5" style="1" customWidth="1"/>
    <col min="5" max="7" width="7.5" style="1" customWidth="1"/>
    <col min="8" max="16384" width="9" style="1"/>
  </cols>
  <sheetData>
    <row r="1" spans="2:7" s="33" customFormat="1" ht="22.5" customHeight="1" x14ac:dyDescent="0.15"/>
    <row r="2" spans="2:7" s="33" customFormat="1" ht="22.5" customHeight="1" x14ac:dyDescent="0.15">
      <c r="B2" s="56" t="s">
        <v>28</v>
      </c>
      <c r="C2" s="56"/>
      <c r="D2" s="56"/>
      <c r="E2" s="56"/>
      <c r="F2" s="56"/>
      <c r="G2" s="56"/>
    </row>
    <row r="3" spans="2:7" s="2" customFormat="1" ht="22.5" customHeight="1" x14ac:dyDescent="0.15">
      <c r="B3" s="30"/>
      <c r="C3" s="30"/>
      <c r="D3" s="30"/>
      <c r="E3" s="30"/>
      <c r="F3" s="30"/>
      <c r="G3" s="30"/>
    </row>
    <row r="4" spans="2:7" s="2" customFormat="1" ht="22.5" customHeight="1" x14ac:dyDescent="0.15">
      <c r="B4" s="2" t="s">
        <v>30</v>
      </c>
      <c r="C4" s="30"/>
      <c r="D4" s="30"/>
      <c r="E4" s="30"/>
      <c r="F4" s="30"/>
      <c r="G4" s="30"/>
    </row>
    <row r="5" spans="2:7" s="2" customFormat="1" ht="22.5" customHeight="1" x14ac:dyDescent="0.15">
      <c r="C5" s="30"/>
      <c r="D5" s="30"/>
      <c r="E5" s="30"/>
      <c r="F5" s="30"/>
      <c r="G5" s="30"/>
    </row>
    <row r="6" spans="2:7" s="2" customFormat="1" ht="22.5" customHeight="1" x14ac:dyDescent="0.15">
      <c r="B6" s="32" t="s">
        <v>15</v>
      </c>
      <c r="C6" s="32"/>
      <c r="D6" s="32"/>
      <c r="E6" s="32"/>
      <c r="F6" s="32"/>
      <c r="G6" s="32"/>
    </row>
    <row r="7" spans="2:7" s="2" customFormat="1" ht="22.5" customHeight="1" x14ac:dyDescent="0.15">
      <c r="B7" s="64" t="s">
        <v>19</v>
      </c>
      <c r="C7" s="64"/>
      <c r="D7" s="66" t="s">
        <v>63</v>
      </c>
      <c r="E7" s="66"/>
      <c r="F7" s="66"/>
      <c r="G7" s="3"/>
    </row>
    <row r="8" spans="2:7" s="2" customFormat="1" ht="22.5" customHeight="1" x14ac:dyDescent="0.15">
      <c r="B8" s="64" t="s">
        <v>69</v>
      </c>
      <c r="C8" s="65"/>
      <c r="D8" s="53"/>
      <c r="E8" s="54"/>
      <c r="F8" s="54"/>
      <c r="G8" s="3"/>
    </row>
    <row r="9" spans="2:7" s="2" customFormat="1" ht="22.5" customHeight="1" x14ac:dyDescent="0.15">
      <c r="B9" s="64" t="s">
        <v>13</v>
      </c>
      <c r="C9" s="65"/>
      <c r="D9" s="53"/>
      <c r="E9" s="54"/>
      <c r="F9" s="54"/>
      <c r="G9" s="3"/>
    </row>
    <row r="10" spans="2:7" s="2" customFormat="1" ht="22.5" customHeight="1" x14ac:dyDescent="0.15">
      <c r="B10" s="64" t="s">
        <v>14</v>
      </c>
      <c r="C10" s="65"/>
      <c r="D10" s="53"/>
      <c r="E10" s="54"/>
      <c r="F10" s="54"/>
      <c r="G10" s="3"/>
    </row>
    <row r="11" spans="2:7" s="2" customFormat="1" ht="22.5" customHeight="1" x14ac:dyDescent="0.15">
      <c r="B11" s="64" t="s">
        <v>29</v>
      </c>
      <c r="C11" s="65"/>
      <c r="D11" s="53" t="s">
        <v>21</v>
      </c>
      <c r="E11" s="53"/>
      <c r="F11" s="54"/>
      <c r="G11" s="32"/>
    </row>
    <row r="12" spans="2:7" s="2" customFormat="1" ht="22.5" customHeight="1" x14ac:dyDescent="0.15">
      <c r="C12" s="30"/>
      <c r="D12" s="30"/>
      <c r="E12" s="30"/>
      <c r="F12" s="30"/>
      <c r="G12" s="30"/>
    </row>
    <row r="13" spans="2:7" s="2" customFormat="1" ht="22.5" customHeight="1" x14ac:dyDescent="0.15">
      <c r="B13" s="2" t="s">
        <v>26</v>
      </c>
      <c r="D13" s="30"/>
      <c r="E13" s="30"/>
      <c r="F13" s="30"/>
      <c r="G13" s="30"/>
    </row>
    <row r="14" spans="2:7" s="2" customFormat="1" ht="22.5" customHeight="1" x14ac:dyDescent="0.15">
      <c r="B14" s="30"/>
      <c r="C14" s="30"/>
      <c r="D14" s="30"/>
      <c r="E14" s="30"/>
      <c r="F14" s="30"/>
      <c r="G14" s="30"/>
    </row>
    <row r="15" spans="2:7" s="2" customFormat="1" ht="22.5" customHeight="1" x14ac:dyDescent="0.15">
      <c r="B15" s="2" t="s">
        <v>12</v>
      </c>
    </row>
    <row r="16" spans="2:7" ht="30.75" customHeight="1" x14ac:dyDescent="0.15">
      <c r="B16" s="58" t="s">
        <v>0</v>
      </c>
      <c r="C16" s="59"/>
      <c r="D16" s="60"/>
      <c r="E16" s="61" t="s">
        <v>7</v>
      </c>
      <c r="F16" s="62"/>
      <c r="G16" s="63"/>
    </row>
    <row r="17" spans="2:7" ht="45" customHeight="1" x14ac:dyDescent="0.15">
      <c r="B17" s="4" t="s">
        <v>31</v>
      </c>
      <c r="C17" s="5" t="s">
        <v>1</v>
      </c>
      <c r="D17" s="6" t="s">
        <v>36</v>
      </c>
      <c r="E17" s="7" t="s">
        <v>10</v>
      </c>
      <c r="F17" s="7" t="s">
        <v>11</v>
      </c>
      <c r="G17" s="7" t="s">
        <v>16</v>
      </c>
    </row>
    <row r="18" spans="2:7" ht="22.5" customHeight="1" x14ac:dyDescent="0.15">
      <c r="B18" s="49" t="s">
        <v>35</v>
      </c>
      <c r="C18" s="8" t="s">
        <v>1</v>
      </c>
      <c r="D18" s="9" t="s">
        <v>23</v>
      </c>
      <c r="E18" s="10" t="s">
        <v>10</v>
      </c>
      <c r="F18" s="10" t="s">
        <v>11</v>
      </c>
      <c r="G18" s="11" t="s">
        <v>16</v>
      </c>
    </row>
    <row r="19" spans="2:7" ht="22.5" customHeight="1" x14ac:dyDescent="0.15">
      <c r="B19" s="50"/>
      <c r="C19" s="12" t="s">
        <v>2</v>
      </c>
      <c r="D19" s="13" t="s">
        <v>22</v>
      </c>
      <c r="E19" s="14" t="s">
        <v>10</v>
      </c>
      <c r="F19" s="14" t="s">
        <v>11</v>
      </c>
      <c r="G19" s="14" t="s">
        <v>16</v>
      </c>
    </row>
    <row r="20" spans="2:7" ht="67.5" customHeight="1" x14ac:dyDescent="0.15">
      <c r="B20" s="50"/>
      <c r="C20" s="12" t="s">
        <v>3</v>
      </c>
      <c r="D20" s="13" t="s">
        <v>64</v>
      </c>
      <c r="E20" s="14" t="s">
        <v>10</v>
      </c>
      <c r="F20" s="14" t="s">
        <v>11</v>
      </c>
      <c r="G20" s="14" t="s">
        <v>16</v>
      </c>
    </row>
    <row r="21" spans="2:7" ht="33.75" customHeight="1" x14ac:dyDescent="0.15">
      <c r="B21" s="50"/>
      <c r="C21" s="12" t="s">
        <v>25</v>
      </c>
      <c r="D21" s="13" t="s">
        <v>4</v>
      </c>
      <c r="E21" s="14" t="s">
        <v>10</v>
      </c>
      <c r="F21" s="14" t="s">
        <v>11</v>
      </c>
      <c r="G21" s="14" t="s">
        <v>16</v>
      </c>
    </row>
    <row r="22" spans="2:7" ht="45" customHeight="1" x14ac:dyDescent="0.15">
      <c r="B22" s="50"/>
      <c r="C22" s="12" t="s">
        <v>20</v>
      </c>
      <c r="D22" s="13" t="s">
        <v>61</v>
      </c>
      <c r="E22" s="14" t="s">
        <v>10</v>
      </c>
      <c r="F22" s="14" t="s">
        <v>11</v>
      </c>
      <c r="G22" s="14" t="s">
        <v>16</v>
      </c>
    </row>
    <row r="23" spans="2:7" ht="45" customHeight="1" x14ac:dyDescent="0.15">
      <c r="B23" s="50"/>
      <c r="C23" s="12" t="s">
        <v>17</v>
      </c>
      <c r="D23" s="13" t="s">
        <v>37</v>
      </c>
      <c r="E23" s="14" t="s">
        <v>10</v>
      </c>
      <c r="F23" s="14" t="s">
        <v>11</v>
      </c>
      <c r="G23" s="14" t="s">
        <v>16</v>
      </c>
    </row>
    <row r="24" spans="2:7" ht="22.5" customHeight="1" x14ac:dyDescent="0.15">
      <c r="B24" s="50"/>
      <c r="C24" s="12" t="s">
        <v>18</v>
      </c>
      <c r="D24" s="13" t="s">
        <v>38</v>
      </c>
      <c r="E24" s="14" t="s">
        <v>10</v>
      </c>
      <c r="F24" s="14" t="s">
        <v>11</v>
      </c>
      <c r="G24" s="14" t="s">
        <v>16</v>
      </c>
    </row>
    <row r="25" spans="2:7" ht="33.75" customHeight="1" x14ac:dyDescent="0.15">
      <c r="B25" s="50"/>
      <c r="C25" s="12" t="s">
        <v>39</v>
      </c>
      <c r="D25" s="23" t="s">
        <v>5</v>
      </c>
      <c r="E25" s="24" t="s">
        <v>10</v>
      </c>
      <c r="F25" s="24" t="s">
        <v>11</v>
      </c>
      <c r="G25" s="38" t="s">
        <v>16</v>
      </c>
    </row>
    <row r="26" spans="2:7" ht="33.75" customHeight="1" x14ac:dyDescent="0.15">
      <c r="B26" s="50"/>
      <c r="C26" s="12" t="s">
        <v>40</v>
      </c>
      <c r="D26" s="23" t="s">
        <v>41</v>
      </c>
      <c r="E26" s="24"/>
      <c r="F26" s="24"/>
      <c r="G26" s="24"/>
    </row>
    <row r="27" spans="2:7" ht="22.5" customHeight="1" x14ac:dyDescent="0.15">
      <c r="B27" s="50"/>
      <c r="C27" s="45"/>
      <c r="D27" s="21" t="s">
        <v>65</v>
      </c>
      <c r="E27" s="22" t="s">
        <v>10</v>
      </c>
      <c r="F27" s="22" t="s">
        <v>11</v>
      </c>
      <c r="G27" s="22" t="s">
        <v>16</v>
      </c>
    </row>
    <row r="28" spans="2:7" ht="33.75" customHeight="1" x14ac:dyDescent="0.15">
      <c r="B28" s="51"/>
      <c r="C28" s="15"/>
      <c r="D28" s="16" t="s">
        <v>66</v>
      </c>
      <c r="E28" s="17" t="s">
        <v>10</v>
      </c>
      <c r="F28" s="17" t="s">
        <v>11</v>
      </c>
      <c r="G28" s="17" t="s">
        <v>16</v>
      </c>
    </row>
    <row r="29" spans="2:7" ht="56.25" customHeight="1" x14ac:dyDescent="0.15">
      <c r="B29" s="19" t="s">
        <v>32</v>
      </c>
      <c r="C29" s="20" t="s">
        <v>1</v>
      </c>
      <c r="D29" s="21" t="s">
        <v>42</v>
      </c>
      <c r="E29" s="22" t="s">
        <v>10</v>
      </c>
      <c r="F29" s="22" t="s">
        <v>11</v>
      </c>
      <c r="G29" s="22" t="s">
        <v>59</v>
      </c>
    </row>
    <row r="30" spans="2:7" ht="33.75" customHeight="1" x14ac:dyDescent="0.15">
      <c r="B30" s="19"/>
      <c r="C30" s="12" t="s">
        <v>2</v>
      </c>
      <c r="D30" s="23" t="s">
        <v>62</v>
      </c>
      <c r="E30" s="24"/>
      <c r="F30" s="24"/>
      <c r="G30" s="47"/>
    </row>
    <row r="31" spans="2:7" ht="33.75" customHeight="1" x14ac:dyDescent="0.15">
      <c r="B31" s="19"/>
      <c r="C31" s="46"/>
      <c r="D31" s="21" t="s">
        <v>43</v>
      </c>
      <c r="E31" s="38" t="s">
        <v>10</v>
      </c>
      <c r="F31" s="38" t="s">
        <v>11</v>
      </c>
      <c r="G31" s="22" t="s">
        <v>60</v>
      </c>
    </row>
    <row r="32" spans="2:7" ht="45" customHeight="1" x14ac:dyDescent="0.15">
      <c r="B32" s="25"/>
      <c r="C32" s="44"/>
      <c r="D32" s="13" t="s">
        <v>24</v>
      </c>
      <c r="E32" s="24" t="s">
        <v>10</v>
      </c>
      <c r="F32" s="24" t="s">
        <v>11</v>
      </c>
      <c r="G32" s="14" t="s">
        <v>59</v>
      </c>
    </row>
    <row r="33" spans="2:7" ht="33.75" customHeight="1" x14ac:dyDescent="0.15">
      <c r="B33" s="26"/>
      <c r="C33" s="27"/>
      <c r="D33" s="43" t="s">
        <v>67</v>
      </c>
      <c r="E33" s="17" t="s">
        <v>10</v>
      </c>
      <c r="F33" s="17" t="s">
        <v>11</v>
      </c>
      <c r="G33" s="18" t="s">
        <v>16</v>
      </c>
    </row>
    <row r="34" spans="2:7" s="31" customFormat="1" ht="22.5" customHeight="1" x14ac:dyDescent="0.15">
      <c r="B34" s="34"/>
      <c r="C34" s="34"/>
      <c r="D34" s="35"/>
      <c r="E34" s="36"/>
      <c r="F34" s="36"/>
      <c r="G34" s="37" t="s">
        <v>27</v>
      </c>
    </row>
    <row r="35" spans="2:7" ht="22.5" customHeight="1" x14ac:dyDescent="0.15">
      <c r="B35" s="29" t="s">
        <v>33</v>
      </c>
      <c r="C35" s="8" t="s">
        <v>1</v>
      </c>
      <c r="D35" s="9" t="s">
        <v>6</v>
      </c>
      <c r="E35" s="10" t="s">
        <v>10</v>
      </c>
      <c r="F35" s="10" t="s">
        <v>11</v>
      </c>
      <c r="G35" s="10" t="s">
        <v>16</v>
      </c>
    </row>
    <row r="36" spans="2:7" ht="33.75" customHeight="1" x14ac:dyDescent="0.15">
      <c r="B36" s="19"/>
      <c r="C36" s="12" t="s">
        <v>2</v>
      </c>
      <c r="D36" s="23" t="s">
        <v>8</v>
      </c>
      <c r="E36" s="24" t="s">
        <v>10</v>
      </c>
      <c r="F36" s="24" t="s">
        <v>11</v>
      </c>
      <c r="G36" s="22" t="s">
        <v>16</v>
      </c>
    </row>
    <row r="37" spans="2:7" ht="33.75" customHeight="1" x14ac:dyDescent="0.15">
      <c r="B37" s="19"/>
      <c r="C37" s="12" t="s">
        <v>9</v>
      </c>
      <c r="D37" s="23" t="s">
        <v>68</v>
      </c>
      <c r="E37" s="24" t="s">
        <v>10</v>
      </c>
      <c r="F37" s="24" t="s">
        <v>11</v>
      </c>
      <c r="G37" s="22" t="s">
        <v>16</v>
      </c>
    </row>
    <row r="38" spans="2:7" s="31" customFormat="1" ht="45.75" customHeight="1" x14ac:dyDescent="0.15">
      <c r="B38" s="55" t="s">
        <v>34</v>
      </c>
      <c r="C38" s="55"/>
      <c r="D38" s="55"/>
      <c r="E38" s="55"/>
      <c r="F38" s="55"/>
      <c r="G38" s="55"/>
    </row>
    <row r="39" spans="2:7" s="33" customFormat="1" ht="22.5" customHeight="1" x14ac:dyDescent="0.15">
      <c r="B39" s="57"/>
      <c r="C39" s="57"/>
      <c r="D39" s="57"/>
      <c r="E39" s="57"/>
      <c r="F39" s="57"/>
    </row>
    <row r="40" spans="2:7" s="33" customFormat="1" ht="22.5" customHeight="1" x14ac:dyDescent="0.15">
      <c r="B40" s="33" t="s">
        <v>52</v>
      </c>
      <c r="C40" s="39"/>
      <c r="D40" s="39"/>
    </row>
    <row r="41" spans="2:7" ht="22.5" customHeight="1" x14ac:dyDescent="0.15">
      <c r="B41" s="52" t="s">
        <v>44</v>
      </c>
      <c r="C41" s="52"/>
      <c r="D41" s="40" t="s">
        <v>45</v>
      </c>
    </row>
    <row r="42" spans="2:7" ht="22.5" customHeight="1" x14ac:dyDescent="0.15">
      <c r="B42" s="48" t="s">
        <v>46</v>
      </c>
      <c r="C42" s="48"/>
      <c r="D42" s="41" t="s">
        <v>53</v>
      </c>
    </row>
    <row r="43" spans="2:7" ht="87" customHeight="1" x14ac:dyDescent="0.15">
      <c r="B43" s="48" t="s">
        <v>47</v>
      </c>
      <c r="C43" s="48"/>
      <c r="D43" s="42" t="s">
        <v>54</v>
      </c>
    </row>
    <row r="44" spans="2:7" ht="22.5" customHeight="1" x14ac:dyDescent="0.15">
      <c r="B44" s="48" t="s">
        <v>48</v>
      </c>
      <c r="C44" s="48"/>
      <c r="D44" s="41" t="s">
        <v>55</v>
      </c>
    </row>
    <row r="45" spans="2:7" ht="22.5" customHeight="1" x14ac:dyDescent="0.15">
      <c r="B45" s="48" t="s">
        <v>49</v>
      </c>
      <c r="C45" s="48"/>
      <c r="D45" s="41" t="s">
        <v>56</v>
      </c>
    </row>
    <row r="46" spans="2:7" ht="56.25" customHeight="1" x14ac:dyDescent="0.15">
      <c r="B46" s="48" t="s">
        <v>50</v>
      </c>
      <c r="C46" s="48"/>
      <c r="D46" s="41" t="s">
        <v>57</v>
      </c>
    </row>
    <row r="47" spans="2:7" ht="33.75" customHeight="1" x14ac:dyDescent="0.15">
      <c r="B47" s="48" t="s">
        <v>51</v>
      </c>
      <c r="C47" s="48"/>
      <c r="D47" s="41" t="s">
        <v>58</v>
      </c>
    </row>
    <row r="48" spans="2:7" ht="22.5" customHeight="1" x14ac:dyDescent="0.15">
      <c r="D48" s="28"/>
    </row>
    <row r="49" spans="4:4" ht="22.5" customHeight="1" x14ac:dyDescent="0.15">
      <c r="D49" s="28"/>
    </row>
    <row r="50" spans="4:4" ht="22.5" customHeight="1" x14ac:dyDescent="0.15">
      <c r="D50" s="28"/>
    </row>
    <row r="51" spans="4:4" ht="22.5" customHeight="1" x14ac:dyDescent="0.15">
      <c r="D51" s="28"/>
    </row>
    <row r="52" spans="4:4" ht="22.5" customHeight="1" x14ac:dyDescent="0.15">
      <c r="D52" s="28"/>
    </row>
    <row r="53" spans="4:4" ht="22.5" customHeight="1" x14ac:dyDescent="0.15">
      <c r="D53" s="28"/>
    </row>
    <row r="54" spans="4:4" ht="22.5" customHeight="1" x14ac:dyDescent="0.15">
      <c r="D54" s="28"/>
    </row>
    <row r="55" spans="4:4" ht="22.5" customHeight="1" x14ac:dyDescent="0.15">
      <c r="D55" s="28"/>
    </row>
    <row r="56" spans="4:4" ht="22.5" customHeight="1" x14ac:dyDescent="0.15">
      <c r="D56" s="28"/>
    </row>
    <row r="57" spans="4:4" ht="22.5" customHeight="1" x14ac:dyDescent="0.15">
      <c r="D57" s="28"/>
    </row>
    <row r="58" spans="4:4" x14ac:dyDescent="0.15">
      <c r="D58" s="28"/>
    </row>
  </sheetData>
  <mergeCells count="23">
    <mergeCell ref="D11:F11"/>
    <mergeCell ref="B38:G38"/>
    <mergeCell ref="B2:G2"/>
    <mergeCell ref="B39:F39"/>
    <mergeCell ref="B16:D16"/>
    <mergeCell ref="E16:G16"/>
    <mergeCell ref="B7:C7"/>
    <mergeCell ref="B8:C8"/>
    <mergeCell ref="B9:C9"/>
    <mergeCell ref="B10:C10"/>
    <mergeCell ref="B11:C11"/>
    <mergeCell ref="D7:F7"/>
    <mergeCell ref="D8:F8"/>
    <mergeCell ref="D9:F9"/>
    <mergeCell ref="D10:F10"/>
    <mergeCell ref="B44:C44"/>
    <mergeCell ref="B45:C45"/>
    <mergeCell ref="B46:C46"/>
    <mergeCell ref="B47:C47"/>
    <mergeCell ref="B18:B28"/>
    <mergeCell ref="B41:C41"/>
    <mergeCell ref="B42:C42"/>
    <mergeCell ref="B43:C43"/>
  </mergeCells>
  <phoneticPr fontId="1"/>
  <printOptions horizontalCentered="1"/>
  <pageMargins left="0.59055118110236227" right="0.59055118110236227" top="0.39370078740157483" bottom="0.19685039370078741" header="0.31496062992125984" footer="0.27559055118110237"/>
  <pageSetup paperSize="9" scale="85" orientation="portrait" r:id="rId1"/>
  <rowBreaks count="1" manualBreakCount="1">
    <brk id="34" min="1" max="6"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育成更生（病院・診療所）</vt:lpstr>
      <vt:lpstr>'育成更生（病院・診療所）'!Print_Area</vt:lpstr>
      <vt:lpstr>'育成更生（病院・診療所）'!Print_Titles</vt:lpstr>
    </vt:vector>
  </TitlesOfParts>
  <Company>岐阜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岐阜県</dc:creator>
  <cp:lastModifiedBy>松本　春奈</cp:lastModifiedBy>
  <cp:lastPrinted>2023-01-10T05:58:38Z</cp:lastPrinted>
  <dcterms:created xsi:type="dcterms:W3CDTF">2012-05-04T04:47:05Z</dcterms:created>
  <dcterms:modified xsi:type="dcterms:W3CDTF">2024-01-17T00:10:44Z</dcterms:modified>
</cp:coreProperties>
</file>